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EC15A6" w:rsidRPr="007D09D1" w:rsidRDefault="00EC15A6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>様式第</w:t>
      </w:r>
      <w:r w:rsidR="00B173F0" w:rsidRPr="00915562">
        <w:rPr>
          <w:rFonts w:ascii="ＭＳ 明朝" w:hAnsi="ＭＳ 明朝"/>
          <w:sz w:val="24"/>
        </w:rPr>
        <w:t>21</w:t>
      </w:r>
      <w:r w:rsidRPr="007D09D1">
        <w:rPr>
          <w:rFonts w:ascii="ＭＳ 明朝" w:hAnsi="ＭＳ 明朝" w:hint="eastAsia"/>
          <w:sz w:val="24"/>
        </w:rPr>
        <w:t>号(第</w:t>
      </w:r>
      <w:r w:rsidR="00A36146">
        <w:rPr>
          <w:rFonts w:ascii="ＭＳ 明朝" w:hAnsi="ＭＳ 明朝" w:hint="eastAsia"/>
          <w:sz w:val="24"/>
        </w:rPr>
        <w:t>22</w:t>
      </w:r>
      <w:r w:rsidRPr="007D09D1">
        <w:rPr>
          <w:rFonts w:ascii="ＭＳ 明朝" w:hAnsi="ＭＳ 明朝" w:hint="eastAsia"/>
          <w:sz w:val="24"/>
        </w:rPr>
        <w:t>条関係)</w:t>
      </w:r>
    </w:p>
    <w:p w:rsidR="00EC15A6" w:rsidRPr="007D09D1" w:rsidRDefault="00EC15A6">
      <w:pPr>
        <w:wordWrap w:val="0"/>
        <w:overflowPunct w:val="0"/>
        <w:autoSpaceDE w:val="0"/>
        <w:autoSpaceDN w:val="0"/>
        <w:ind w:right="419"/>
        <w:jc w:val="right"/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>沖市指令第　　　　　号</w:t>
      </w:r>
    </w:p>
    <w:p w:rsidR="00EC15A6" w:rsidRPr="007D09D1" w:rsidRDefault="00EC15A6">
      <w:pPr>
        <w:wordWrap w:val="0"/>
        <w:overflowPunct w:val="0"/>
        <w:autoSpaceDE w:val="0"/>
        <w:autoSpaceDN w:val="0"/>
        <w:ind w:right="419"/>
        <w:jc w:val="right"/>
        <w:rPr>
          <w:rFonts w:ascii="ＭＳ 明朝" w:hAnsi="ＭＳ 明朝"/>
          <w:sz w:val="24"/>
        </w:rPr>
      </w:pPr>
      <w:bookmarkStart w:id="0" w:name="_GoBack"/>
      <w:bookmarkEnd w:id="0"/>
      <w:r w:rsidRPr="007D09D1">
        <w:rPr>
          <w:rFonts w:ascii="ＭＳ 明朝" w:hAnsi="ＭＳ 明朝" w:hint="eastAsia"/>
          <w:sz w:val="24"/>
        </w:rPr>
        <w:t>年　　月　　日</w:t>
      </w:r>
    </w:p>
    <w:p w:rsidR="00EC15A6" w:rsidRPr="007D09D1" w:rsidRDefault="00EC15A6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 xml:space="preserve">　　住所</w:t>
      </w:r>
    </w:p>
    <w:p w:rsidR="00EC15A6" w:rsidRPr="007D09D1" w:rsidRDefault="00EC15A6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 xml:space="preserve">　　氏名　　　　　　　　</w:t>
      </w:r>
    </w:p>
    <w:p w:rsidR="00EC15A6" w:rsidRPr="007D09D1" w:rsidRDefault="00EC15A6">
      <w:pPr>
        <w:wordWrap w:val="0"/>
        <w:overflowPunct w:val="0"/>
        <w:autoSpaceDE w:val="0"/>
        <w:autoSpaceDN w:val="0"/>
        <w:spacing w:after="360"/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 xml:space="preserve">　　</w:t>
      </w:r>
      <w:r w:rsidR="00E41610" w:rsidRPr="007D09D1">
        <w:rPr>
          <w:rFonts w:ascii="ＭＳ 明朝" w:hAnsi="ＭＳ 明朝" w:hint="eastAsia"/>
          <w:sz w:val="24"/>
        </w:rPr>
        <w:t>（法人にあっては、名称及び代表者の氏名）</w:t>
      </w:r>
    </w:p>
    <w:p w:rsidR="00EC15A6" w:rsidRPr="007D09D1" w:rsidRDefault="00DE309E">
      <w:pPr>
        <w:wordWrap w:val="0"/>
        <w:overflowPunct w:val="0"/>
        <w:autoSpaceDE w:val="0"/>
        <w:autoSpaceDN w:val="0"/>
        <w:spacing w:after="360"/>
        <w:ind w:right="419"/>
        <w:jc w:val="right"/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 xml:space="preserve">沖縄市長　　　　　　　　　</w:t>
      </w:r>
    </w:p>
    <w:p w:rsidR="00EC15A6" w:rsidRPr="007D09D1" w:rsidRDefault="00EC15A6">
      <w:pPr>
        <w:wordWrap w:val="0"/>
        <w:overflowPunct w:val="0"/>
        <w:autoSpaceDE w:val="0"/>
        <w:autoSpaceDN w:val="0"/>
        <w:spacing w:after="360"/>
        <w:jc w:val="center"/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>浄化槽清掃業許可証</w:t>
      </w:r>
    </w:p>
    <w:p w:rsidR="00EC15A6" w:rsidRPr="007D09D1" w:rsidRDefault="00EC15A6">
      <w:pPr>
        <w:wordWrap w:val="0"/>
        <w:overflowPunct w:val="0"/>
        <w:autoSpaceDE w:val="0"/>
        <w:autoSpaceDN w:val="0"/>
        <w:spacing w:after="360"/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 xml:space="preserve">　　浄化槽法第</w:t>
      </w:r>
      <w:r w:rsidR="00DE309E" w:rsidRPr="007D09D1">
        <w:rPr>
          <w:rFonts w:ascii="ＭＳ 明朝" w:hAnsi="ＭＳ 明朝" w:hint="eastAsia"/>
          <w:sz w:val="24"/>
        </w:rPr>
        <w:t>35</w:t>
      </w:r>
      <w:r w:rsidRPr="007D09D1">
        <w:rPr>
          <w:rFonts w:ascii="ＭＳ 明朝" w:hAnsi="ＭＳ 明朝" w:hint="eastAsia"/>
          <w:sz w:val="24"/>
        </w:rPr>
        <w:t>条の規定により、次のとおり許可します。</w:t>
      </w:r>
    </w:p>
    <w:p w:rsidR="00EC15A6" w:rsidRPr="007D09D1" w:rsidRDefault="00E41610" w:rsidP="00E4161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>１　許可の期間</w:t>
      </w:r>
    </w:p>
    <w:p w:rsidR="00E41610" w:rsidRPr="007D09D1" w:rsidRDefault="00E41610" w:rsidP="00AE0E4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ind w:firstLineChars="500" w:firstLine="1200"/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>年　　月　　日から　　年　　月　　日まで</w:t>
      </w:r>
    </w:p>
    <w:p w:rsidR="00E41610" w:rsidRPr="007D09D1" w:rsidRDefault="00E41610" w:rsidP="00E4161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>２　許可区域</w:t>
      </w:r>
    </w:p>
    <w:p w:rsidR="00E41610" w:rsidRPr="007D09D1" w:rsidRDefault="00E41610" w:rsidP="00E4161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rFonts w:ascii="ＭＳ 明朝" w:hAnsi="ＭＳ 明朝"/>
          <w:sz w:val="24"/>
        </w:rPr>
      </w:pPr>
    </w:p>
    <w:p w:rsidR="00E41610" w:rsidRPr="007D09D1" w:rsidRDefault="00E41610" w:rsidP="00E4161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>３　許可番号</w:t>
      </w:r>
    </w:p>
    <w:p w:rsidR="00E41610" w:rsidRPr="007D09D1" w:rsidRDefault="00E41610" w:rsidP="00E4161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rFonts w:ascii="ＭＳ 明朝" w:hAnsi="ＭＳ 明朝"/>
          <w:sz w:val="24"/>
        </w:rPr>
      </w:pPr>
    </w:p>
    <w:p w:rsidR="00E41610" w:rsidRPr="007D09D1" w:rsidRDefault="00E41610" w:rsidP="00E4161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rFonts w:ascii="ＭＳ 明朝" w:hAnsi="ＭＳ 明朝"/>
          <w:sz w:val="24"/>
        </w:rPr>
      </w:pPr>
      <w:r w:rsidRPr="007D09D1">
        <w:rPr>
          <w:rFonts w:ascii="ＭＳ 明朝" w:hAnsi="ＭＳ 明朝" w:hint="eastAsia"/>
          <w:sz w:val="24"/>
        </w:rPr>
        <w:t>４　許可条件</w:t>
      </w:r>
    </w:p>
    <w:p w:rsidR="00E41610" w:rsidRPr="007D09D1" w:rsidRDefault="00E41610" w:rsidP="00E4161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rFonts w:ascii="ＭＳ 明朝" w:hAnsi="ＭＳ 明朝"/>
          <w:sz w:val="24"/>
        </w:rPr>
      </w:pPr>
    </w:p>
    <w:sectPr w:rsidR="00E41610" w:rsidRPr="007D09D1"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579112C"/>
    <w:multiLevelType w:val="hybridMultilevel"/>
    <w:tmpl w:val="CE8A2D68"/>
    <w:lvl w:ilvl="0" w:tplc="C2363468">
      <w:start w:val="3"/>
      <w:numFmt w:val="decimal"/>
      <w:lvlText w:val="%1"/>
      <w:lvlJc w:val="left"/>
      <w:pPr>
        <w:tabs>
          <w:tab w:val="num" w:pos="488"/>
        </w:tabs>
        <w:ind w:left="488" w:hanging="375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953"/>
        </w:tabs>
        <w:ind w:left="953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373"/>
        </w:tabs>
        <w:ind w:left="1373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793"/>
        </w:tabs>
        <w:ind w:left="1793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213"/>
        </w:tabs>
        <w:ind w:left="2213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633"/>
        </w:tabs>
        <w:ind w:left="2633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053"/>
        </w:tabs>
        <w:ind w:left="3053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473"/>
        </w:tabs>
        <w:ind w:left="3473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3893"/>
        </w:tabs>
        <w:ind w:left="3893" w:hanging="42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84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5D5BA4"/>
    <w:rsid w:val="00061D77"/>
    <w:rsid w:val="00081AF3"/>
    <w:rsid w:val="00472171"/>
    <w:rsid w:val="005D5BA4"/>
    <w:rsid w:val="007D09D1"/>
    <w:rsid w:val="00915562"/>
    <w:rsid w:val="00A36146"/>
    <w:rsid w:val="00AE0E4E"/>
    <w:rsid w:val="00B173F0"/>
    <w:rsid w:val="00DE1463"/>
    <w:rsid w:val="00DE309E"/>
    <w:rsid w:val="00E41610"/>
    <w:rsid w:val="00EC15A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9832B0BD-8135-4A62-A3D5-0D21537039B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298;&#65297;&#21495;&#65288;&#31532;&#65298;&#65298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２１号（第２２条関係）.dotx</Template>
  <TotalTime>0</TotalTime>
  <Pages>1</Pages>
  <Words>27</Words>
  <Characters>155</Characters>
  <Application>Microsoft Office Word</Application>
  <DocSecurity>0</DocSecurity>
  <Lines>1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様式第13号(第16条関係)</vt:lpstr>
      <vt:lpstr>様式第13号(第16条関係)</vt:lpstr>
    </vt:vector>
  </TitlesOfParts>
  <Company>沖縄市役所</Company>
  <LinksUpToDate>false</LinksUpToDate>
  <CharactersWithSpaces>18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様式第13号(第16条関係)</dc:title>
  <dc:subject/>
  <dc:creator>宮里　直英</dc:creator>
  <cp:keywords/>
  <dc:description/>
  <cp:lastModifiedBy>宮里　直英</cp:lastModifiedBy>
  <cp:revision>3</cp:revision>
  <dcterms:created xsi:type="dcterms:W3CDTF">2018-06-28T10:02:00Z</dcterms:created>
  <dcterms:modified xsi:type="dcterms:W3CDTF">2018-06-28T10:09:00Z</dcterms:modified>
</cp:coreProperties>
</file>